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ieuwegei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1717773-0CDA-7509-5E60-7A21F4336BB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4871" y="4183236"/>
            <a:ext cx="1594244" cy="244557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691E266C-67A3-0845-0B60-376D644FD81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3671" y="3440291"/>
            <a:ext cx="1227186" cy="188250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4-09T06:32:02Z</dcterms:modified>
</cp:coreProperties>
</file>